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72" r:id="rId1"/>
  </p:sldMasterIdLst>
  <p:notesMasterIdLst>
    <p:notesMasterId r:id="rId12"/>
  </p:notesMasterIdLst>
  <p:sldIdLst>
    <p:sldId id="256" r:id="rId2"/>
    <p:sldId id="257" r:id="rId3"/>
    <p:sldId id="258" r:id="rId4"/>
    <p:sldId id="259" r:id="rId5"/>
    <p:sldId id="260" r:id="rId6"/>
    <p:sldId id="261" r:id="rId7"/>
    <p:sldId id="262" r:id="rId8"/>
    <p:sldId id="263" r:id="rId9"/>
    <p:sldId id="265" r:id="rId10"/>
    <p:sldId id="267" r:id="rId11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50" autoAdjust="0"/>
    <p:restoredTop sz="94660"/>
  </p:normalViewPr>
  <p:slideViewPr>
    <p:cSldViewPr snapToGrid="0">
      <p:cViewPr>
        <p:scale>
          <a:sx n="80" d="100"/>
          <a:sy n="80" d="100"/>
        </p:scale>
        <p:origin x="552" y="1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1C44434-22BA-45CD-8F4A-178543693918}" type="datetimeFigureOut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0CFF23-7C47-4070-92D7-6C644D7917E7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5636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1BD0C9-4434-438B-9501-C1D050418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F3CEA0F-5EF1-4479-8D51-8E67B61656F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altLang="ko-KR"/>
              <a:t>Click to edit Master subtitle style</a:t>
            </a:r>
            <a:endParaRPr lang="ko-KR" alt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D7E7CD-EFEF-4EE8-B55E-D368DF75F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7679A2-3020-4E74-9FA3-206CA3A4393B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0D0CC8-86E0-4582-8CFF-6DD7F88D60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6B4A9B-015F-446A-B88E-731ADF685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06175253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C42A1-045B-4D05-8A53-91F84BC98C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456CBFA-073E-4BFC-8B18-96896D90C2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277703-826C-469D-B8BD-364BA59777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1FCC66-29B7-44AD-A223-8347482E2821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ED1F64A-5004-4ADC-B78D-DA38840B24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992E12-9927-45BE-B490-AAE930C36A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6066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58D79EE-3C92-46EB-A7E9-C898C14BF04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0441CD1-5603-43DC-9AA6-79422E2A05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4BF81C-1556-42B6-B025-110B7C9D07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BBEF48-4B17-48C4-BFBE-D0E96FCDF1BE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EBCBCD-0146-46C6-BE13-13F463F1E1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BBCC41-3AEA-487A-BE2C-8E43E5758F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3496692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F258A3-03DB-4348-B832-17E60D0F33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FAB3BA6-B821-420C-B322-52B9E9E99E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EBBC5D-54B2-4B8E-95EA-6B954C3E57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6B0BC5-D65B-48B6-846E-7A0E001F452B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4C72C0-C02B-4763-A9E7-C5EC71B803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5951E6-08C5-49BD-8E5A-4345D3CA6B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547392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EEEE2E-D584-49C0-A463-8B9141E5ED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6AC70A-FFB6-423D-9B52-D0AC086287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altLang="ko-KR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19C94C-58D0-4692-8E3C-37EF68D6E7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B4AFF6-955E-4898-B91B-343530FD9385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038495-6A50-4F61-A59B-DDD156731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695FDA-118F-42A3-A920-F6F8F7A0A8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8458365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BA7020-D366-44B0-A35B-E122BC77C4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D24BC2-CB39-4801-B2EF-033F54E6AB2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6E49C8C-CAF9-4BA5-8DEC-FB90584D114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00C199-1BC5-45CC-88B1-DB0288AF62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F195C0-9AF9-4323-9B92-AFC1729D6789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B2D2F5-7EDB-4143-9B16-6B2C17BF49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E83D538-6E93-45E6-8D66-BC55AE26A2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350691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2BFC85-5005-48B3-8F7E-F9F2244074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D8FC232-4BA3-4691-93BB-C404183063B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altLang="ko-KR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9CD771-BE88-434F-94B4-5DB38884AE4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6FBB843-4597-4654-A8C9-05BED711D44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altLang="ko-KR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5E56A0-0E6E-429F-BF18-65CB6B67D24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2E9366C-16BD-4865-BF00-CF3BFAD1A3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4EFF98-4792-4B11-A2D1-66405720F679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E03742F-EE06-419D-8151-010DBF000E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2C7BB09-DDDE-49EA-A698-EA484B9B34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573358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AAB4A3-5521-4FE6-8094-A7F1AB777A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40E1CBE-E4CB-42F9-AA56-14653194DD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5616B-CEF6-449E-9ED6-2B39DAA0C1FA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68AA30-C8AA-447D-B828-AE801D8024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5F5989-F0CB-4A4F-94C3-99A6CBBE7E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6994792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3B8531E-BEC6-4299-B351-13B4FF8F14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99C8-8EF9-488D-8BCD-082819F1EAAC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5AAB5A-5A3E-46A9-B44D-89EFFF765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15DAEF-FD56-4D2E-A3DF-6428F40F09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849816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BC5B7D-BA9F-4BAD-AE2C-8654859401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D7FE91-4653-42B3-BC29-9554E0B2C8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DB7F77-DB10-41A7-A26D-9D23D0946B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altLang="ko-KR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5F8CB27-9D05-4BF3-8BA9-59275A2250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859DE9-60CE-4EF4-A9A1-C564B61D2FAE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05618B3-BFEA-4485-A0AC-D539FB31DC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E0F64F4-193E-4AF4-8888-862882DDE4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547127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305038-E95D-4096-B96C-2619F7510B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0D0FDCE-A41F-4B18-B95F-5879D79309A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1FD7835-BF5E-4E32-963A-8871CB5D22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altLang="ko-KR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CDD761-E569-43F2-A6D7-402C0F2D5C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5BBDAE-0319-41BB-8401-C71558C02C1D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F6F99D-C229-4004-9AF4-895AF0169D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3FC4BA5-B015-4D33-9660-446EF0EE1B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5601781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DE1D6CC-DBC6-4BD0-B735-7BE55A56BB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altLang="ko-KR"/>
              <a:t>Click to edit Master title style</a:t>
            </a:r>
            <a:endParaRPr lang="ko-KR" alt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1A1E8-416B-46E7-B4D8-4AD5803042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altLang="ko-KR"/>
              <a:t>Click to edit Master text styles</a:t>
            </a:r>
          </a:p>
          <a:p>
            <a:pPr lvl="1"/>
            <a:r>
              <a:rPr lang="en-US" altLang="ko-KR"/>
              <a:t>Second level</a:t>
            </a:r>
          </a:p>
          <a:p>
            <a:pPr lvl="2"/>
            <a:r>
              <a:rPr lang="en-US" altLang="ko-KR"/>
              <a:t>Third level</a:t>
            </a:r>
          </a:p>
          <a:p>
            <a:pPr lvl="3"/>
            <a:r>
              <a:rPr lang="en-US" altLang="ko-KR"/>
              <a:t>Fourth level</a:t>
            </a:r>
          </a:p>
          <a:p>
            <a:pPr lvl="4"/>
            <a:r>
              <a:rPr lang="en-US" altLang="ko-KR"/>
              <a:t>Fifth level</a:t>
            </a:r>
            <a:endParaRPr lang="ko-KR" alt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F2967C-F9D0-4B1B-A755-1819867D489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1028CC-FC60-4C0C-8C33-720A60E81BA9}" type="datetime1">
              <a:rPr lang="ko-KR" altLang="en-US" smtClean="0"/>
              <a:t>2019-11-03</a:t>
            </a:fld>
            <a:endParaRPr lang="ko-KR" alt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791378-F461-49AB-9F10-41990F77DB7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DBA9C6-F9F0-4EA3-B31F-28EFE00983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FFE4EF-3A00-434C-B237-BFB1647836C6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164428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hf hdr="0" ftr="0" dt="0"/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직사각형 42">
            <a:extLst>
              <a:ext uri="{FF2B5EF4-FFF2-40B4-BE49-F238E27FC236}">
                <a16:creationId xmlns:a16="http://schemas.microsoft.com/office/drawing/2014/main" id="{89F6CCF9-014F-41B6-871A-05C9CCE03209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40B657D-EA94-4FEC-AC5A-EB03A773D352}"/>
              </a:ext>
            </a:extLst>
          </p:cNvPr>
          <p:cNvSpPr txBox="1"/>
          <p:nvPr/>
        </p:nvSpPr>
        <p:spPr>
          <a:xfrm>
            <a:off x="1917576" y="1944209"/>
            <a:ext cx="818521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4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strobotany project (Botany</a:t>
            </a:r>
            <a:r>
              <a:rPr lang="ko-KR" altLang="en-US" sz="4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ko-KR" sz="4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575)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A5D958A-B3ED-45AA-AABD-ADB150BD4830}"/>
              </a:ext>
            </a:extLst>
          </p:cNvPr>
          <p:cNvSpPr txBox="1"/>
          <p:nvPr/>
        </p:nvSpPr>
        <p:spPr>
          <a:xfrm>
            <a:off x="9765437" y="5477523"/>
            <a:ext cx="159798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ex </a:t>
            </a:r>
            <a:r>
              <a:rPr lang="en-US" altLang="ko-KR" sz="2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Seo</a:t>
            </a:r>
            <a:endParaRPr lang="en-US" altLang="ko-KR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r. Gilroy</a:t>
            </a:r>
          </a:p>
          <a:p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r. Barker</a:t>
            </a:r>
            <a:endParaRPr lang="ko-KR" alt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9461B58-9B37-473B-8A2E-CF21C3C55CCF}"/>
              </a:ext>
            </a:extLst>
          </p:cNvPr>
          <p:cNvSpPr txBox="1"/>
          <p:nvPr/>
        </p:nvSpPr>
        <p:spPr>
          <a:xfrm>
            <a:off x="2935549" y="2982897"/>
            <a:ext cx="63209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Finding patterns from space data using statistical methods</a:t>
            </a:r>
          </a:p>
          <a:p>
            <a:pPr algn="ctr"/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ilestone 1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DB291B2-CB97-463D-8FD8-0AEBD8CBB1DC}"/>
              </a:ext>
            </a:extLst>
          </p:cNvPr>
          <p:cNvSpPr txBox="1"/>
          <p:nvPr/>
        </p:nvSpPr>
        <p:spPr>
          <a:xfrm>
            <a:off x="310718" y="5985354"/>
            <a:ext cx="292963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November 4</a:t>
            </a:r>
            <a:r>
              <a:rPr lang="en-US" altLang="ko-KR" sz="2000" baseline="30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</a:t>
            </a:r>
            <a:r>
              <a:rPr lang="en-US" altLang="ko-KR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2019</a:t>
            </a:r>
            <a:endParaRPr lang="en-US" altLang="ko-KR" sz="2000" baseline="30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026" name="Picture 2" descr="astrobotany에 대한 이미지 검색결과">
            <a:extLst>
              <a:ext uri="{FF2B5EF4-FFF2-40B4-BE49-F238E27FC236}">
                <a16:creationId xmlns:a16="http://schemas.microsoft.com/office/drawing/2014/main" id="{0B28AA21-C909-4470-874C-83A0359FF3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4015" y="2689935"/>
            <a:ext cx="1938568" cy="26747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nasa에 대한 이미지 검색결과">
            <a:extLst>
              <a:ext uri="{FF2B5EF4-FFF2-40B4-BE49-F238E27FC236}">
                <a16:creationId xmlns:a16="http://schemas.microsoft.com/office/drawing/2014/main" id="{C52C68F6-D82D-4B8C-BC91-FE002BC9E8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5651" y="177738"/>
            <a:ext cx="1766471" cy="1766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3775968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3C81C86D-2710-40A1-A2BA-B84197068E31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82E2BBB-35D9-4804-BC53-55A3DE1FE8C0}"/>
              </a:ext>
            </a:extLst>
          </p:cNvPr>
          <p:cNvSpPr txBox="1"/>
          <p:nvPr/>
        </p:nvSpPr>
        <p:spPr>
          <a:xfrm>
            <a:off x="7989903" y="5255581"/>
            <a:ext cx="29562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ank You!</a:t>
            </a:r>
            <a:endParaRPr lang="ko-KR" alt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277DDD6-A1C6-4C6F-8B9E-ED92633095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10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78F2C78-39C5-4621-B71E-DAB72B3AB47A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or Milestone 2…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562BA49-0A02-4770-81E0-B061530F043D}"/>
              </a:ext>
            </a:extLst>
          </p:cNvPr>
          <p:cNvSpPr txBox="1"/>
          <p:nvPr/>
        </p:nvSpPr>
        <p:spPr>
          <a:xfrm>
            <a:off x="665825" y="1859340"/>
            <a:ext cx="4474346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Build multiple mode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odel Valid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iterate this process</a:t>
            </a:r>
            <a:endParaRPr lang="ko-KR" alt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3963876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직사각형 42">
            <a:extLst>
              <a:ext uri="{FF2B5EF4-FFF2-40B4-BE49-F238E27FC236}">
                <a16:creationId xmlns:a16="http://schemas.microsoft.com/office/drawing/2014/main" id="{4D5B20BF-6B48-451A-82D5-41F5509BAC46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82E2BBB-35D9-4804-BC53-55A3DE1FE8C0}"/>
              </a:ext>
            </a:extLst>
          </p:cNvPr>
          <p:cNvSpPr txBox="1"/>
          <p:nvPr/>
        </p:nvSpPr>
        <p:spPr>
          <a:xfrm>
            <a:off x="896645" y="1038688"/>
            <a:ext cx="295626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8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Table of contents</a:t>
            </a:r>
            <a:endParaRPr lang="ko-KR" altLang="en-US" sz="28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직사각형 7">
            <a:extLst>
              <a:ext uri="{FF2B5EF4-FFF2-40B4-BE49-F238E27FC236}">
                <a16:creationId xmlns:a16="http://schemas.microsoft.com/office/drawing/2014/main" id="{C8CE4D71-6913-46E1-9958-E8C1D75702AA}"/>
              </a:ext>
            </a:extLst>
          </p:cNvPr>
          <p:cNvSpPr/>
          <p:nvPr/>
        </p:nvSpPr>
        <p:spPr>
          <a:xfrm>
            <a:off x="706923" y="1167685"/>
            <a:ext cx="189722" cy="119432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266" dirty="0"/>
          </a:p>
        </p:txBody>
      </p:sp>
      <p:sp>
        <p:nvSpPr>
          <p:cNvPr id="11" name="직사각형 8">
            <a:extLst>
              <a:ext uri="{FF2B5EF4-FFF2-40B4-BE49-F238E27FC236}">
                <a16:creationId xmlns:a16="http://schemas.microsoft.com/office/drawing/2014/main" id="{78036C56-D2AB-4063-B6F1-033B09479072}"/>
              </a:ext>
            </a:extLst>
          </p:cNvPr>
          <p:cNvSpPr/>
          <p:nvPr/>
        </p:nvSpPr>
        <p:spPr>
          <a:xfrm>
            <a:off x="6044681" y="1194318"/>
            <a:ext cx="197499" cy="4329404"/>
          </a:xfrm>
          <a:prstGeom prst="rect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266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F69200F-6F7D-40DC-8A75-C899067C87C1}"/>
              </a:ext>
            </a:extLst>
          </p:cNvPr>
          <p:cNvSpPr txBox="1"/>
          <p:nvPr/>
        </p:nvSpPr>
        <p:spPr>
          <a:xfrm>
            <a:off x="6516375" y="1561908"/>
            <a:ext cx="3959275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chedul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fine Objectiv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Preprocess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Explo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ossible Statistical Metho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ko-KR" alt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9D201DDA-571F-449A-BC57-4039B0F74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2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02356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직사각형 42">
            <a:extLst>
              <a:ext uri="{FF2B5EF4-FFF2-40B4-BE49-F238E27FC236}">
                <a16:creationId xmlns:a16="http://schemas.microsoft.com/office/drawing/2014/main" id="{5AE0C0A0-F700-4720-9A96-A0DE33E19BF8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82E2BBB-35D9-4804-BC53-55A3DE1FE8C0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chedule for the Semester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D4B5570-23E0-47CC-B7F4-76B4BA7F6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3</a:t>
            </a:fld>
            <a:endParaRPr lang="ko-KR" altLang="en-US"/>
          </a:p>
        </p:txBody>
      </p:sp>
      <p:cxnSp>
        <p:nvCxnSpPr>
          <p:cNvPr id="5" name="OTLSHAPE_M_00b794982f41487aa2285864e30c0445_Connector1">
            <a:extLst>
              <a:ext uri="{FF2B5EF4-FFF2-40B4-BE49-F238E27FC236}">
                <a16:creationId xmlns:a16="http://schemas.microsoft.com/office/drawing/2014/main" id="{0043E976-4CE3-4E43-B4EF-30A85508A4F4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10704343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9438b85ee1f54061980733bd47489094_Connector1">
            <a:extLst>
              <a:ext uri="{FF2B5EF4-FFF2-40B4-BE49-F238E27FC236}">
                <a16:creationId xmlns:a16="http://schemas.microsoft.com/office/drawing/2014/main" id="{8A3B78CA-CA75-4220-B814-A88391BF318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263841" y="5636887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ce49b461dada4b4ba8016f97c5d69120_Connector1">
            <a:extLst>
              <a:ext uri="{FF2B5EF4-FFF2-40B4-BE49-F238E27FC236}">
                <a16:creationId xmlns:a16="http://schemas.microsoft.com/office/drawing/2014/main" id="{723220E3-42B0-4C33-BA6A-C9D12296422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58665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a1fe2df1afb74a24b48db95b6b338bf9_RightVerticalConnector3">
            <a:extLst>
              <a:ext uri="{FF2B5EF4-FFF2-40B4-BE49-F238E27FC236}">
                <a16:creationId xmlns:a16="http://schemas.microsoft.com/office/drawing/2014/main" id="{DE3ABE58-1D8B-42A3-B220-A0D65FCEBCAE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704343" y="4016840"/>
            <a:ext cx="0" cy="112666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a1fe2df1afb74a24b48db95b6b338bf9_RightVerticalConnector1">
            <a:extLst>
              <a:ext uri="{FF2B5EF4-FFF2-40B4-BE49-F238E27FC236}">
                <a16:creationId xmlns:a16="http://schemas.microsoft.com/office/drawing/2014/main" id="{24B69E50-FD52-4CCD-9FAB-AD4B3234DE2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704343" y="37338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34636e32cff480d8a852ae191fc6842_RightVerticalConnector1">
            <a:extLst>
              <a:ext uri="{FF2B5EF4-FFF2-40B4-BE49-F238E27FC236}">
                <a16:creationId xmlns:a16="http://schemas.microsoft.com/office/drawing/2014/main" id="{1490C5C4-0144-4A5A-933D-D6EF9EAFE94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274768" y="2997200"/>
            <a:ext cx="0" cy="21463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2508efa28ff349da8bc6837b0c12f3f2_RightVerticalConnector2">
            <a:extLst>
              <a:ext uri="{FF2B5EF4-FFF2-40B4-BE49-F238E27FC236}">
                <a16:creationId xmlns:a16="http://schemas.microsoft.com/office/drawing/2014/main" id="{202E789E-454B-419A-AD00-03D6112D015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059543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2508efa28ff349da8bc6837b0c12f3f2_RightVerticalConnector1">
            <a:extLst>
              <a:ext uri="{FF2B5EF4-FFF2-40B4-BE49-F238E27FC236}">
                <a16:creationId xmlns:a16="http://schemas.microsoft.com/office/drawing/2014/main" id="{A3DB5D4D-7749-490F-B547-037011CC435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059543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508efa28ff349da8bc6837b0c12f3f2_LeftVerticalConnector2">
            <a:extLst>
              <a:ext uri="{FF2B5EF4-FFF2-40B4-BE49-F238E27FC236}">
                <a16:creationId xmlns:a16="http://schemas.microsoft.com/office/drawing/2014/main" id="{EE165AE8-1158-47AB-906A-0EBDB4AF7C4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44465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2508efa28ff349da8bc6837b0c12f3f2_LeftVerticalConnector1">
            <a:extLst>
              <a:ext uri="{FF2B5EF4-FFF2-40B4-BE49-F238E27FC236}">
                <a16:creationId xmlns:a16="http://schemas.microsoft.com/office/drawing/2014/main" id="{E73C54EF-AE3E-47D9-B0C9-66C07C94D81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4465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ScaleContainer">
            <a:extLst>
              <a:ext uri="{FF2B5EF4-FFF2-40B4-BE49-F238E27FC236}">
                <a16:creationId xmlns:a16="http://schemas.microsoft.com/office/drawing/2014/main" id="{C7626630-11F3-4AA4-88D8-04314350472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TB_00000000000000000000000000000000_TimescaleInterval1">
            <a:extLst>
              <a:ext uri="{FF2B5EF4-FFF2-40B4-BE49-F238E27FC236}">
                <a16:creationId xmlns:a16="http://schemas.microsoft.com/office/drawing/2014/main" id="{4025402B-7186-4470-B4BF-32522F1BAEE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8" name="OTLSHAPE_TB_00000000000000000000000000000000_TimescaleInterval2">
            <a:extLst>
              <a:ext uri="{FF2B5EF4-FFF2-40B4-BE49-F238E27FC236}">
                <a16:creationId xmlns:a16="http://schemas.microsoft.com/office/drawing/2014/main" id="{DB4A519C-8CF6-443D-9FCE-F47D24F83BF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083376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9" name="OTLSHAPE_TB_00000000000000000000000000000000_TimescaleInterval3">
            <a:extLst>
              <a:ext uri="{FF2B5EF4-FFF2-40B4-BE49-F238E27FC236}">
                <a16:creationId xmlns:a16="http://schemas.microsoft.com/office/drawing/2014/main" id="{48601604-A507-498B-AD32-E2473014367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990295" y="518634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B6E56A0B-5587-4B88-A118-344692B9A75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940914" y="5193131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21" name="OTLSHAPE_TB_00000000000000000000000000000000_TimescaleInterval5">
            <a:extLst>
              <a:ext uri="{FF2B5EF4-FFF2-40B4-BE49-F238E27FC236}">
                <a16:creationId xmlns:a16="http://schemas.microsoft.com/office/drawing/2014/main" id="{F4EA329A-798B-4AF1-B74D-47973CCC4C2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05713" y="5208234"/>
            <a:ext cx="103638" cy="11836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2" name="OTLSHAPE_TB_00000000000000000000000000000000_TimescaleInterval6">
            <a:extLst>
              <a:ext uri="{FF2B5EF4-FFF2-40B4-BE49-F238E27FC236}">
                <a16:creationId xmlns:a16="http://schemas.microsoft.com/office/drawing/2014/main" id="{9DA9D7C1-558B-46A4-8BD7-327FD48A34E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906654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3" name="OTLSHAPE_TB_00000000000000000000000000000000_TimescaleInterval7">
            <a:extLst>
              <a:ext uri="{FF2B5EF4-FFF2-40B4-BE49-F238E27FC236}">
                <a16:creationId xmlns:a16="http://schemas.microsoft.com/office/drawing/2014/main" id="{BDC8E462-A156-4DAD-ACFD-881449010AB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13188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150731B5-BF0F-45B1-A6FB-3253D987C03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25" name="OTLSHAPE_M_ce49b461dada4b4ba8016f97c5d69120_Title">
            <a:extLst>
              <a:ext uri="{FF2B5EF4-FFF2-40B4-BE49-F238E27FC236}">
                <a16:creationId xmlns:a16="http://schemas.microsoft.com/office/drawing/2014/main" id="{0D64CC81-2C79-43ED-8549-8FE1C8A572D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16167" y="6279501"/>
            <a:ext cx="9338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tart of Project</a:t>
            </a:r>
          </a:p>
        </p:txBody>
      </p:sp>
      <p:sp>
        <p:nvSpPr>
          <p:cNvPr id="26" name="OTLSHAPE_M_ce49b461dada4b4ba8016f97c5d69120_Date">
            <a:extLst>
              <a:ext uri="{FF2B5EF4-FFF2-40B4-BE49-F238E27FC236}">
                <a16:creationId xmlns:a16="http://schemas.microsoft.com/office/drawing/2014/main" id="{53521E42-C925-4117-B681-5634D09E0E0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57421" y="6124423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on Sep 9</a:t>
            </a:r>
          </a:p>
        </p:txBody>
      </p:sp>
      <p:sp>
        <p:nvSpPr>
          <p:cNvPr id="27" name="OTLSHAPE_M_ce49b461dada4b4ba8016f97c5d69120_Shape">
            <a:extLst>
              <a:ext uri="{FF2B5EF4-FFF2-40B4-BE49-F238E27FC236}">
                <a16:creationId xmlns:a16="http://schemas.microsoft.com/office/drawing/2014/main" id="{63CB50AB-B06D-4F19-AF7A-67797080F3A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44365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M_ff7decb6e0db4851ac77cc8902440007_Title">
            <a:extLst>
              <a:ext uri="{FF2B5EF4-FFF2-40B4-BE49-F238E27FC236}">
                <a16:creationId xmlns:a16="http://schemas.microsoft.com/office/drawing/2014/main" id="{5D7BF96A-9992-4502-B323-11525B5D309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567666" y="594363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29" name="OTLSHAPE_M_ff7decb6e0db4851ac77cc8902440007_Date">
            <a:extLst>
              <a:ext uri="{FF2B5EF4-FFF2-40B4-BE49-F238E27FC236}">
                <a16:creationId xmlns:a16="http://schemas.microsoft.com/office/drawing/2014/main" id="{BF5E2411-6CFC-44EC-8F5F-A775207015D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607142" y="5789174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on Nov 4</a:t>
            </a:r>
          </a:p>
        </p:txBody>
      </p:sp>
      <p:sp>
        <p:nvSpPr>
          <p:cNvPr id="30" name="OTLSHAPE_M_ff7decb6e0db4851ac77cc8902440007_Shape">
            <a:extLst>
              <a:ext uri="{FF2B5EF4-FFF2-40B4-BE49-F238E27FC236}">
                <a16:creationId xmlns:a16="http://schemas.microsoft.com/office/drawing/2014/main" id="{1211AB69-74D8-4814-A8EB-DADCCB42A4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52124" y="5409456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9438b85ee1f54061980733bd47489094_Title">
            <a:extLst>
              <a:ext uri="{FF2B5EF4-FFF2-40B4-BE49-F238E27FC236}">
                <a16:creationId xmlns:a16="http://schemas.microsoft.com/office/drawing/2014/main" id="{262AA436-C114-4371-B421-02A1348D6A1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942591" y="616357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2" name="OTLSHAPE_M_9438b85ee1f54061980733bd47489094_Date">
            <a:extLst>
              <a:ext uri="{FF2B5EF4-FFF2-40B4-BE49-F238E27FC236}">
                <a16:creationId xmlns:a16="http://schemas.microsoft.com/office/drawing/2014/main" id="{B50E840E-4BBC-4951-8EDE-D2CFDD973EE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958556" y="6015830"/>
            <a:ext cx="68579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Mon Nov 11</a:t>
            </a:r>
          </a:p>
        </p:txBody>
      </p:sp>
      <p:sp>
        <p:nvSpPr>
          <p:cNvPr id="33" name="OTLSHAPE_M_9438b85ee1f54061980733bd47489094_Shape">
            <a:extLst>
              <a:ext uri="{FF2B5EF4-FFF2-40B4-BE49-F238E27FC236}">
                <a16:creationId xmlns:a16="http://schemas.microsoft.com/office/drawing/2014/main" id="{90473F2E-3DB5-4626-9E31-65D4EB4B90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60468" y="537093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M_00b794982f41487aa2285864e30c0445_Title">
            <a:extLst>
              <a:ext uri="{FF2B5EF4-FFF2-40B4-BE49-F238E27FC236}">
                <a16:creationId xmlns:a16="http://schemas.microsoft.com/office/drawing/2014/main" id="{83949DC0-FE43-4475-B1A2-DA767249DFD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0361845" y="5990810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8" name="OTLSHAPE_M_00b794982f41487aa2285864e30c0445_Date">
            <a:extLst>
              <a:ext uri="{FF2B5EF4-FFF2-40B4-BE49-F238E27FC236}">
                <a16:creationId xmlns:a16="http://schemas.microsoft.com/office/drawing/2014/main" id="{89469762-9D8F-4EBF-973E-486724EED0A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0456142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accent3"/>
                </a:solidFill>
                <a:latin typeface="Calibri" panose="020F0502020204030204" pitchFamily="34" charset="0"/>
              </a:rPr>
              <a:t>TBD</a:t>
            </a:r>
          </a:p>
        </p:txBody>
      </p:sp>
      <p:sp>
        <p:nvSpPr>
          <p:cNvPr id="39" name="OTLSHAPE_M_00b794982f41487aa2285864e30c0445_Shape">
            <a:extLst>
              <a:ext uri="{FF2B5EF4-FFF2-40B4-BE49-F238E27FC236}">
                <a16:creationId xmlns:a16="http://schemas.microsoft.com/office/drawing/2014/main" id="{81CF7F60-69D0-478B-AF9C-72211B762E1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590043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2508efa28ff349da8bc6837b0c12f3f2_Shape">
            <a:extLst>
              <a:ext uri="{FF2B5EF4-FFF2-40B4-BE49-F238E27FC236}">
                <a16:creationId xmlns:a16="http://schemas.microsoft.com/office/drawing/2014/main" id="{4CBDF34D-C66F-4D08-8D68-597A4BD06C8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4465" y="21209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2508efa28ff349da8bc6837b0c12f3f2_Title">
            <a:extLst>
              <a:ext uri="{FF2B5EF4-FFF2-40B4-BE49-F238E27FC236}">
                <a16:creationId xmlns:a16="http://schemas.microsoft.com/office/drawing/2014/main" id="{EFAF7883-3408-4923-8DC3-654DEEAC707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91558" y="21753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</a:p>
        </p:txBody>
      </p:sp>
      <p:sp>
        <p:nvSpPr>
          <p:cNvPr id="42" name="OTLSHAPE_T_2508efa28ff349da8bc6837b0c12f3f2_JoinedDate">
            <a:extLst>
              <a:ext uri="{FF2B5EF4-FFF2-40B4-BE49-F238E27FC236}">
                <a16:creationId xmlns:a16="http://schemas.microsoft.com/office/drawing/2014/main" id="{51187705-72D0-4AE8-AA1D-3BCB6708EE7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110342" y="2183656"/>
            <a:ext cx="87403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Sep 9 -  Nov  4</a:t>
            </a:r>
          </a:p>
        </p:txBody>
      </p:sp>
      <p:sp>
        <p:nvSpPr>
          <p:cNvPr id="43" name="OTLSHAPE_T_9116278e5c2946a085db5776da322f3f_Shape">
            <a:extLst>
              <a:ext uri="{FF2B5EF4-FFF2-40B4-BE49-F238E27FC236}">
                <a16:creationId xmlns:a16="http://schemas.microsoft.com/office/drawing/2014/main" id="{6B66490A-12DD-4D0E-8C87-CF05A761C2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44465" y="2527300"/>
            <a:ext cx="10795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" name="OTLSHAPE_T_9116278e5c2946a085db5776da322f3f_Title">
            <a:extLst>
              <a:ext uri="{FF2B5EF4-FFF2-40B4-BE49-F238E27FC236}">
                <a16:creationId xmlns:a16="http://schemas.microsoft.com/office/drawing/2014/main" id="{F64C8CBD-EE3C-45A9-AC30-A1FC088FF0C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58360" y="2531230"/>
            <a:ext cx="59169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latin typeface="Calibri" panose="020F0502020204030204" pitchFamily="34" charset="0"/>
              </a:rPr>
              <a:t>Define</a:t>
            </a:r>
          </a:p>
          <a:p>
            <a:pPr algn="ctr"/>
            <a:r>
              <a:rPr lang="en-GB" sz="1100" spc="-6" dirty="0">
                <a:latin typeface="Calibri" panose="020F0502020204030204" pitchFamily="34" charset="0"/>
              </a:rPr>
              <a:t> Objective</a:t>
            </a:r>
          </a:p>
        </p:txBody>
      </p:sp>
      <p:sp>
        <p:nvSpPr>
          <p:cNvPr id="45" name="OTLSHAPE_T_8574f27a0c634b08b97c20e1eb8b1a11_Shape">
            <a:extLst>
              <a:ext uri="{FF2B5EF4-FFF2-40B4-BE49-F238E27FC236}">
                <a16:creationId xmlns:a16="http://schemas.microsoft.com/office/drawing/2014/main" id="{911809BD-D176-4BA6-8B9E-A6592D1F267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16207" y="2527300"/>
            <a:ext cx="10795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6" name="OTLSHAPE_T_8574f27a0c634b08b97c20e1eb8b1a11_Title">
            <a:extLst>
              <a:ext uri="{FF2B5EF4-FFF2-40B4-BE49-F238E27FC236}">
                <a16:creationId xmlns:a16="http://schemas.microsoft.com/office/drawing/2014/main" id="{8E82D70B-FE01-4320-A9CA-E044AD6125E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061449" y="2531229"/>
            <a:ext cx="78901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latin typeface="Calibri" panose="020F0502020204030204" pitchFamily="34" charset="0"/>
              </a:rPr>
              <a:t>Data</a:t>
            </a:r>
          </a:p>
          <a:p>
            <a:pPr algn="ctr"/>
            <a:r>
              <a:rPr lang="en-US" altLang="ko-KR" sz="11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eprocessing</a:t>
            </a:r>
          </a:p>
        </p:txBody>
      </p:sp>
      <p:sp>
        <p:nvSpPr>
          <p:cNvPr id="47" name="OTLSHAPE_T_8545a2622707410ea6bf0bb2412e4891_Shape">
            <a:extLst>
              <a:ext uri="{FF2B5EF4-FFF2-40B4-BE49-F238E27FC236}">
                <a16:creationId xmlns:a16="http://schemas.microsoft.com/office/drawing/2014/main" id="{D6C93C32-7E30-4B31-A253-E7CBA3F0B27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987949" y="2527300"/>
            <a:ext cx="10795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8" name="OTLSHAPE_T_8545a2622707410ea6bf0bb2412e4891_Title">
            <a:extLst>
              <a:ext uri="{FF2B5EF4-FFF2-40B4-BE49-F238E27FC236}">
                <a16:creationId xmlns:a16="http://schemas.microsoft.com/office/drawing/2014/main" id="{45743A3B-C717-46EA-85C5-CAEFAE99097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124777" y="2540617"/>
            <a:ext cx="78578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latin typeface="Calibri" panose="020F0502020204030204" pitchFamily="34" charset="0"/>
              </a:rPr>
              <a:t>Data</a:t>
            </a:r>
          </a:p>
          <a:p>
            <a:pPr algn="ctr"/>
            <a:r>
              <a:rPr lang="en-GB" sz="1100" spc="-6" dirty="0">
                <a:latin typeface="Calibri" panose="020F0502020204030204" pitchFamily="34" charset="0"/>
              </a:rPr>
              <a:t>Exploration</a:t>
            </a:r>
          </a:p>
        </p:txBody>
      </p:sp>
      <p:sp>
        <p:nvSpPr>
          <p:cNvPr id="49" name="OTLSHAPE_T_834636e32cff480d8a852ae191fc6842_Shape">
            <a:extLst>
              <a:ext uri="{FF2B5EF4-FFF2-40B4-BE49-F238E27FC236}">
                <a16:creationId xmlns:a16="http://schemas.microsoft.com/office/drawing/2014/main" id="{A2622064-0158-49E6-84D2-1AAC6711A15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059691" y="28575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_834636e32cff480d8a852ae191fc6842_Title">
            <a:extLst>
              <a:ext uri="{FF2B5EF4-FFF2-40B4-BE49-F238E27FC236}">
                <a16:creationId xmlns:a16="http://schemas.microsoft.com/office/drawing/2014/main" id="{953A0823-9274-48D4-BDF6-5D6BAD0D430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406784" y="29119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</a:p>
        </p:txBody>
      </p:sp>
      <p:sp>
        <p:nvSpPr>
          <p:cNvPr id="51" name="OTLSHAPE_T_834636e32cff480d8a852ae191fc6842_JoinedDate">
            <a:extLst>
              <a:ext uri="{FF2B5EF4-FFF2-40B4-BE49-F238E27FC236}">
                <a16:creationId xmlns:a16="http://schemas.microsoft.com/office/drawing/2014/main" id="{E2E79072-B8C8-4252-8945-BDE08F9ABCB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325567" y="2920256"/>
            <a:ext cx="8068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dirty="0">
                <a:solidFill>
                  <a:schemeClr val="accent2"/>
                </a:solidFill>
                <a:latin typeface="Calibri" panose="020F0502020204030204" pitchFamily="34" charset="0"/>
              </a:rPr>
              <a:t>Nov 4- Nov 11</a:t>
            </a:r>
          </a:p>
        </p:txBody>
      </p:sp>
      <p:sp>
        <p:nvSpPr>
          <p:cNvPr id="52" name="OTLSHAPE_T_f4fcd5cd4d1e4f139515633c6945b409_Shape">
            <a:extLst>
              <a:ext uri="{FF2B5EF4-FFF2-40B4-BE49-F238E27FC236}">
                <a16:creationId xmlns:a16="http://schemas.microsoft.com/office/drawing/2014/main" id="{C8CE3606-1E4D-40C8-AD50-26FD89632DF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59691" y="3263900"/>
            <a:ext cx="857542" cy="215156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3" name="OTLSHAPE_T_f4fcd5cd4d1e4f139515633c6945b409_Title">
            <a:extLst>
              <a:ext uri="{FF2B5EF4-FFF2-40B4-BE49-F238E27FC236}">
                <a16:creationId xmlns:a16="http://schemas.microsoft.com/office/drawing/2014/main" id="{2DF01E7E-9738-4758-8ECC-681F9CEDFA0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189790" y="3212564"/>
            <a:ext cx="596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latin typeface="Calibri" panose="020F0502020204030204" pitchFamily="34" charset="0"/>
              </a:rPr>
              <a:t>Build a </a:t>
            </a:r>
          </a:p>
          <a:p>
            <a:pPr algn="ctr"/>
            <a:r>
              <a:rPr lang="en-GB" sz="1100" spc="-6" dirty="0">
                <a:latin typeface="Calibri" panose="020F0502020204030204" pitchFamily="34" charset="0"/>
              </a:rPr>
              <a:t>Model</a:t>
            </a:r>
          </a:p>
        </p:txBody>
      </p:sp>
      <p:sp>
        <p:nvSpPr>
          <p:cNvPr id="54" name="OTLSHAPE_T_61bd4421f159413dba7281a5185e38b8_Shape">
            <a:extLst>
              <a:ext uri="{FF2B5EF4-FFF2-40B4-BE49-F238E27FC236}">
                <a16:creationId xmlns:a16="http://schemas.microsoft.com/office/drawing/2014/main" id="{E9C9AAEC-34CA-4F52-BC5D-CE0DDC2E5A0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898059" y="3272790"/>
            <a:ext cx="1079500" cy="203200"/>
          </a:xfrm>
          <a:prstGeom prst="chevron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5" name="OTLSHAPE_T_61bd4421f159413dba7281a5185e38b8_Title">
            <a:extLst>
              <a:ext uri="{FF2B5EF4-FFF2-40B4-BE49-F238E27FC236}">
                <a16:creationId xmlns:a16="http://schemas.microsoft.com/office/drawing/2014/main" id="{3BBFE90D-1628-40E1-87B6-C9EA1788452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120784" y="3205107"/>
            <a:ext cx="596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latin typeface="Calibri" panose="020F0502020204030204" pitchFamily="34" charset="0"/>
              </a:rPr>
              <a:t>Model</a:t>
            </a:r>
          </a:p>
          <a:p>
            <a:pPr algn="ctr"/>
            <a:r>
              <a:rPr lang="en-GB" sz="1100" spc="-6" dirty="0"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56" name="OTLSHAPE_T_2fdad40dfd14467b93d0a759296f251a_Shape">
            <a:extLst>
              <a:ext uri="{FF2B5EF4-FFF2-40B4-BE49-F238E27FC236}">
                <a16:creationId xmlns:a16="http://schemas.microsoft.com/office/drawing/2014/main" id="{067F3FB6-B888-4B5E-83B3-CD5F9640A6D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988529" y="3263900"/>
            <a:ext cx="1082688" cy="19414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2fdad40dfd14467b93d0a759296f251a_Title">
            <a:extLst>
              <a:ext uri="{FF2B5EF4-FFF2-40B4-BE49-F238E27FC236}">
                <a16:creationId xmlns:a16="http://schemas.microsoft.com/office/drawing/2014/main" id="{D07EECD1-2962-4194-B528-8503C577D29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192824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latin typeface="Calibri" panose="020F0502020204030204" pitchFamily="34" charset="0"/>
              </a:rPr>
              <a:t>Diagnosis</a:t>
            </a:r>
          </a:p>
        </p:txBody>
      </p:sp>
      <p:sp>
        <p:nvSpPr>
          <p:cNvPr id="58" name="OTLSHAPE_T_ac77bc1b615446839e0eba63c8d16a71_Shape">
            <a:extLst>
              <a:ext uri="{FF2B5EF4-FFF2-40B4-BE49-F238E27FC236}">
                <a16:creationId xmlns:a16="http://schemas.microsoft.com/office/drawing/2014/main" id="{304472B3-830F-4742-B100-D5EA14B3E3B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60569" y="32639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9" name="OTLSHAPE_T_ac77bc1b615446839e0eba63c8d16a71_Title">
            <a:extLst>
              <a:ext uri="{FF2B5EF4-FFF2-40B4-BE49-F238E27FC236}">
                <a16:creationId xmlns:a16="http://schemas.microsoft.com/office/drawing/2014/main" id="{0F36B92E-EE65-4E77-BE6D-D0C2AB97FF9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325568" y="3280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latin typeface="Calibri" panose="020F0502020204030204" pitchFamily="34" charset="0"/>
              </a:rPr>
              <a:t>Reiterate the process</a:t>
            </a:r>
          </a:p>
        </p:txBody>
      </p:sp>
      <p:sp>
        <p:nvSpPr>
          <p:cNvPr id="60" name="OTLSHAPE_T_a1fe2df1afb74a24b48db95b6b338bf9_Shape">
            <a:extLst>
              <a:ext uri="{FF2B5EF4-FFF2-40B4-BE49-F238E27FC236}">
                <a16:creationId xmlns:a16="http://schemas.microsoft.com/office/drawing/2014/main" id="{B422BD54-CC9D-4DF0-811A-2D26878C07D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274917" y="3594100"/>
            <a:ext cx="3441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a1fe2df1afb74a24b48db95b6b338bf9_Title">
            <a:extLst>
              <a:ext uri="{FF2B5EF4-FFF2-40B4-BE49-F238E27FC236}">
                <a16:creationId xmlns:a16="http://schemas.microsoft.com/office/drawing/2014/main" id="{62028DBB-F312-4C19-BE0D-32A0FCCAA1C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622011" y="36485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</a:p>
        </p:txBody>
      </p:sp>
      <p:sp>
        <p:nvSpPr>
          <p:cNvPr id="62" name="OTLSHAPE_T_a1fe2df1afb74a24b48db95b6b338bf9_JoinedDate">
            <a:extLst>
              <a:ext uri="{FF2B5EF4-FFF2-40B4-BE49-F238E27FC236}">
                <a16:creationId xmlns:a16="http://schemas.microsoft.com/office/drawing/2014/main" id="{FF7E1E55-44FE-40D1-AD4A-6EF511F932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755142" y="3656856"/>
            <a:ext cx="8254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dirty="0">
                <a:solidFill>
                  <a:srgbClr val="B20E12"/>
                </a:solidFill>
                <a:latin typeface="Calibri" panose="020F0502020204030204" pitchFamily="34" charset="0"/>
              </a:rPr>
              <a:t>Oct 21 - </a:t>
            </a:r>
          </a:p>
        </p:txBody>
      </p:sp>
      <p:sp>
        <p:nvSpPr>
          <p:cNvPr id="69" name="OTLSHAPE_T_8d75aaf91f11405d8720698af5304071_Shape">
            <a:extLst>
              <a:ext uri="{FF2B5EF4-FFF2-40B4-BE49-F238E27FC236}">
                <a16:creationId xmlns:a16="http://schemas.microsoft.com/office/drawing/2014/main" id="{EA03E554-EC08-4A81-8DDC-CFF8DB5C203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223772" y="2911941"/>
            <a:ext cx="1031291" cy="2477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8d75aaf91f11405d8720698af5304071_Title">
            <a:extLst>
              <a:ext uri="{FF2B5EF4-FFF2-40B4-BE49-F238E27FC236}">
                <a16:creationId xmlns:a16="http://schemas.microsoft.com/office/drawing/2014/main" id="{3FB39934-65C4-4577-B3E8-5180DA69B68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293620" y="3093468"/>
            <a:ext cx="95907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latin typeface="Calibri" panose="020F0502020204030204" pitchFamily="34" charset="0"/>
              </a:rPr>
              <a:t>Studying </a:t>
            </a:r>
          </a:p>
          <a:p>
            <a:pPr algn="ctr"/>
            <a:r>
              <a:rPr lang="en-GB" sz="1100" spc="-4" dirty="0">
                <a:latin typeface="Calibri" panose="020F0502020204030204" pitchFamily="34" charset="0"/>
              </a:rPr>
              <a:t>Possible Models</a:t>
            </a:r>
          </a:p>
        </p:txBody>
      </p:sp>
      <p:sp>
        <p:nvSpPr>
          <p:cNvPr id="72" name="OTLSHAPE_T_dc59864a8fe6461f93f8543967c3a710_Shape">
            <a:extLst>
              <a:ext uri="{FF2B5EF4-FFF2-40B4-BE49-F238E27FC236}">
                <a16:creationId xmlns:a16="http://schemas.microsoft.com/office/drawing/2014/main" id="{F7A59A39-ABD6-4277-ADCE-535E7E24977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07048" y="364854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4" name="OTLSHAPE_T_dc59864a8fe6461f93f8543967c3a710_JoinedDate">
            <a:extLst>
              <a:ext uri="{FF2B5EF4-FFF2-40B4-BE49-F238E27FC236}">
                <a16:creationId xmlns:a16="http://schemas.microsoft.com/office/drawing/2014/main" id="{3ABEF88A-9D3E-402E-8C59-5EA006DDAC5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7243" y="3694001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latin typeface="Calibri" panose="020F0502020204030204" pitchFamily="34" charset="0"/>
              </a:rPr>
              <a:t>9/9</a:t>
            </a:r>
          </a:p>
        </p:txBody>
      </p:sp>
      <p:sp>
        <p:nvSpPr>
          <p:cNvPr id="76" name="OTLSHAPE_T_dc59864a8fe6461f93f8543967c3a710_Title">
            <a:extLst>
              <a:ext uri="{FF2B5EF4-FFF2-40B4-BE49-F238E27FC236}">
                <a16:creationId xmlns:a16="http://schemas.microsoft.com/office/drawing/2014/main" id="{39EFF9F4-6D85-43F8-A4D3-F9A902F2E3C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87622" y="3865273"/>
            <a:ext cx="10285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latin typeface="Calibri" panose="020F0502020204030204" pitchFamily="34" charset="0"/>
              </a:rPr>
              <a:t>Write Schedule</a:t>
            </a:r>
          </a:p>
        </p:txBody>
      </p:sp>
      <p:sp>
        <p:nvSpPr>
          <p:cNvPr id="78" name="OTLSHAPE_T_ac77bc1b615446839e0eba63c8d16a71_Title">
            <a:extLst>
              <a:ext uri="{FF2B5EF4-FFF2-40B4-BE49-F238E27FC236}">
                <a16:creationId xmlns:a16="http://schemas.microsoft.com/office/drawing/2014/main" id="{39B1EB69-40A6-4293-B0A1-72F058DF57C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302346" y="3864518"/>
            <a:ext cx="164951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latin typeface="Calibri" panose="020F0502020204030204" pitchFamily="34" charset="0"/>
              </a:rPr>
              <a:t>See the result and</a:t>
            </a:r>
          </a:p>
          <a:p>
            <a:r>
              <a:rPr lang="en-GB" sz="1100" spc="-6" dirty="0">
                <a:latin typeface="Calibri" panose="020F0502020204030204" pitchFamily="34" charset="0"/>
              </a:rPr>
              <a:t>Decide whether to carry on </a:t>
            </a:r>
          </a:p>
        </p:txBody>
      </p:sp>
      <p:sp>
        <p:nvSpPr>
          <p:cNvPr id="79" name="OTLSHAPE_TB_00000000000000000000000000000000_TimescaleInterval7">
            <a:extLst>
              <a:ext uri="{FF2B5EF4-FFF2-40B4-BE49-F238E27FC236}">
                <a16:creationId xmlns:a16="http://schemas.microsoft.com/office/drawing/2014/main" id="{C912748E-0CA0-408B-8754-66B20A97145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006552" y="518307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</p:spTree>
    <p:extLst>
      <p:ext uri="{BB962C8B-B14F-4D97-AF65-F5344CB8AC3E}">
        <p14:creationId xmlns:p14="http://schemas.microsoft.com/office/powerpoint/2010/main" val="41036101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8E8BBD92-6C4F-4768-AC2A-86731017C929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33341EC-2D90-4732-8AF7-F22E28C4C0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4</a:t>
            </a:fld>
            <a:endParaRPr lang="ko-KR" alt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E715141-EF8D-4367-80E3-2A602A73289E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Milestone 1 Summary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170C25D-E207-445C-917B-44CACD68926F}"/>
              </a:ext>
            </a:extLst>
          </p:cNvPr>
          <p:cNvSpPr txBox="1"/>
          <p:nvPr/>
        </p:nvSpPr>
        <p:spPr>
          <a:xfrm>
            <a:off x="363985" y="1241721"/>
            <a:ext cx="9515106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 : Finding patterns from space data using statistical metho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eprocess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Variable Selec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Questions &amp; Possible preprocessing method </a:t>
            </a:r>
          </a:p>
          <a:p>
            <a:pPr lvl="1"/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Explor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issing data &amp; Outlier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rrelation &amp; Distribution</a:t>
            </a:r>
          </a:p>
          <a:p>
            <a:pPr lvl="1"/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ossible statistical method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chine Learning &amp; Deep Learning</a:t>
            </a:r>
            <a:endParaRPr lang="ko-KR" alt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19868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D0A70FFD-D6AB-482F-9550-2DA896E2881B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82E2BBB-35D9-4804-BC53-55A3DE1FE8C0}"/>
              </a:ext>
            </a:extLst>
          </p:cNvPr>
          <p:cNvSpPr txBox="1"/>
          <p:nvPr/>
        </p:nvSpPr>
        <p:spPr>
          <a:xfrm>
            <a:off x="173935" y="1322511"/>
            <a:ext cx="11922815" cy="43396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From Choi et.al. paper….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Two features of the spaceflight environment that are likely to alter plant growth and development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Loss of the directional cue that gravity provides on eart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Lack of mechanical loading normally derived from the plant’s own weight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+) Altered fluid and gas flow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+) Biological systems that have evolved against a constant background of 1X gravity</a:t>
            </a:r>
          </a:p>
          <a:p>
            <a:endParaRPr lang="en-US" altLang="ko-KR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: Precisely which response networks are being triggered remains poorly defined : Transcriptional profiling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: Can we find the critical cause that affected plant’s growth with analyzing space data?</a:t>
            </a:r>
          </a:p>
          <a:p>
            <a:endParaRPr lang="en-US" altLang="ko-KR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arison between different ecotypes (Col-0, Ws-2, Ler-0, Cvi-0):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Four ecotypes tested show a core set of shared transcriptional responses to spaceflight (Heat shock, oxidative stress, hypoxia…)</a:t>
            </a:r>
          </a:p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Each ecotype had unique changes in transcript levels </a:t>
            </a:r>
          </a:p>
          <a:p>
            <a:endParaRPr lang="en-US" altLang="ko-KR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ko-KR" sz="24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: Finding patterns from space data using statistical method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434793B-DC97-4C64-87A6-FD77A34496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5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F35331BC-7DCB-4D90-AFC0-BFC854B65A60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fine Objective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4731740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D5DD0432-8430-419A-A381-2677D2A6AB10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82E2BBB-35D9-4804-BC53-55A3DE1FE8C0}"/>
              </a:ext>
            </a:extLst>
          </p:cNvPr>
          <p:cNvSpPr txBox="1"/>
          <p:nvPr/>
        </p:nvSpPr>
        <p:spPr>
          <a:xfrm>
            <a:off x="295083" y="1241721"/>
            <a:ext cx="7477317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2400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Variable Selec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leted Variables: 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Locus’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log(FC)’ and ‘log2(FC)’ for all specie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p-value’ and ‘q-value’ for all speci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hange Variable: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Significance test’ for all species: ‘Yes’ to ‘1’</a:t>
            </a:r>
          </a:p>
          <a:p>
            <a:pPr lvl="1"/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					     ‘No’ to ‘0’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CB1B7ED-4F22-4E7C-AD7B-B1EADF2219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6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836378B-0997-4A20-AA17-1EE3BEAFB8B0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Preprocessing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BD92B28-977B-4A92-A4D6-3E34225F61A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34028" r="7265" b="9537"/>
          <a:stretch/>
        </p:blipFill>
        <p:spPr>
          <a:xfrm>
            <a:off x="399673" y="4197685"/>
            <a:ext cx="7372727" cy="252379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289984A-DEEA-443B-B22A-5D675EE4B8C7}"/>
              </a:ext>
            </a:extLst>
          </p:cNvPr>
          <p:cNvSpPr txBox="1"/>
          <p:nvPr/>
        </p:nvSpPr>
        <p:spPr>
          <a:xfrm>
            <a:off x="7876990" y="4197685"/>
            <a:ext cx="358158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*#DIV/0 changed to ‘0’ for data in ‘FC’ </a:t>
            </a:r>
            <a:r>
              <a:rPr lang="en-US" altLang="ko-KR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varaibles</a:t>
            </a:r>
            <a:r>
              <a:rPr lang="en-US" altLang="ko-KR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5191191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EE1E99FB-C08D-4AD6-905A-61DB9105DFE4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E88D0A0-9F75-401E-83A7-AAE3377C6C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7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140E63B-15C4-4C56-AAF8-A932B002404F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Preprocessing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7102B85-D6A0-4E5A-AB77-EEAC1D9A6E4E}"/>
              </a:ext>
            </a:extLst>
          </p:cNvPr>
          <p:cNvSpPr txBox="1"/>
          <p:nvPr/>
        </p:nvSpPr>
        <p:spPr>
          <a:xfrm>
            <a:off x="480525" y="1333911"/>
            <a:ext cx="8663472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Questio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olutions for scarce data (features)?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de information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strike="sngStrike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mulator &amp; GA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ame Data repeated for LER-0 and WS-2 data?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y takeaway from this?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fference between ‘Transcript’ and ‘Gene ID’? +) Gene nam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hat kind of significant test was performed?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altLang="ko-KR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5029813-26FF-42C7-A57E-471B89D41F65}"/>
              </a:ext>
            </a:extLst>
          </p:cNvPr>
          <p:cNvSpPr txBox="1"/>
          <p:nvPr/>
        </p:nvSpPr>
        <p:spPr>
          <a:xfrm>
            <a:off x="480525" y="4764603"/>
            <a:ext cx="645727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ossible preprocessing method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ne-hot encoding using Gene sequence</a:t>
            </a:r>
            <a:endParaRPr lang="ko-KR" alt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E21271E-135C-468A-A6C1-5AA17C05E47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0660" t="55417" r="3281" b="12500"/>
          <a:stretch/>
        </p:blipFill>
        <p:spPr>
          <a:xfrm>
            <a:off x="7117313" y="1466851"/>
            <a:ext cx="5007739" cy="1962150"/>
          </a:xfrm>
          <a:prstGeom prst="rect">
            <a:avLst/>
          </a:prstGeom>
        </p:spPr>
      </p:pic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581CD49D-A0B3-4097-AD8E-0E2E23E9DE29}"/>
              </a:ext>
            </a:extLst>
          </p:cNvPr>
          <p:cNvCxnSpPr/>
          <p:nvPr/>
        </p:nvCxnSpPr>
        <p:spPr>
          <a:xfrm>
            <a:off x="7267575" y="1676400"/>
            <a:ext cx="0" cy="1571625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8C2216C4-AD8C-4B6A-AB94-9DAF3A6B865A}"/>
              </a:ext>
            </a:extLst>
          </p:cNvPr>
          <p:cNvCxnSpPr/>
          <p:nvPr/>
        </p:nvCxnSpPr>
        <p:spPr>
          <a:xfrm>
            <a:off x="10801350" y="1676400"/>
            <a:ext cx="0" cy="1571625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EFF90C94-1401-47F8-A8C3-56916806D543}"/>
              </a:ext>
            </a:extLst>
          </p:cNvPr>
          <p:cNvCxnSpPr/>
          <p:nvPr/>
        </p:nvCxnSpPr>
        <p:spPr>
          <a:xfrm>
            <a:off x="7267575" y="1676400"/>
            <a:ext cx="3533775" cy="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CD7091A-DDB2-462B-8233-594944BAC05E}"/>
              </a:ext>
            </a:extLst>
          </p:cNvPr>
          <p:cNvCxnSpPr/>
          <p:nvPr/>
        </p:nvCxnSpPr>
        <p:spPr>
          <a:xfrm>
            <a:off x="7267575" y="3267075"/>
            <a:ext cx="3533775" cy="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one hot encoding에 대한 이미지 검색결과">
            <a:extLst>
              <a:ext uri="{FF2B5EF4-FFF2-40B4-BE49-F238E27FC236}">
                <a16:creationId xmlns:a16="http://schemas.microsoft.com/office/drawing/2014/main" id="{40768ECD-01AE-4B7F-BCBE-940C43B7C7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52123" y="4834852"/>
            <a:ext cx="4646161" cy="15214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179759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27DB9AC8-6936-45A4-8E9A-829276937412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9A6695E-C965-4EBE-9B4B-3FBF56621E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8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43F0CD9-83A1-4937-AAE9-D4535182CFE6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Exploration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C05D280-96F5-420D-8F51-05BD7BB83319}"/>
              </a:ext>
            </a:extLst>
          </p:cNvPr>
          <p:cNvSpPr txBox="1"/>
          <p:nvPr/>
        </p:nvSpPr>
        <p:spPr>
          <a:xfrm>
            <a:off x="367545" y="1059240"/>
            <a:ext cx="10504040" cy="56323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we have right now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Qualitative data: ‘Transcript’, ‘Gene ID’, ‘Gene name’, ‘Significance test’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Quantitative data: ‘Col-0’, ‘Cvi-0’, ‘Ler-0’, ‘WS-2’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issing Data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Gene ID’ : 50 ‘N/A’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Gene Name’ : 16738 ‘-’s, 50 ‘N/A’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‘Col-0’, ‘Cvi-0’, ‘Ler-0’, ‘WS-2’ : 50 ‘N/A’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utliers (Using IQR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FL,GC – No significant outlier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FC – A lot of outliers 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olutions: Remove? Use other types to detect outliers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rrel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gh correlation (&gt; 0.85) between GC &amp; FL for all spec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stribu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Gamma distribution</a:t>
            </a:r>
          </a:p>
        </p:txBody>
      </p:sp>
    </p:spTree>
    <p:extLst>
      <p:ext uri="{BB962C8B-B14F-4D97-AF65-F5344CB8AC3E}">
        <p14:creationId xmlns:p14="http://schemas.microsoft.com/office/powerpoint/2010/main" val="21492201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직사각형 42">
            <a:extLst>
              <a:ext uri="{FF2B5EF4-FFF2-40B4-BE49-F238E27FC236}">
                <a16:creationId xmlns:a16="http://schemas.microsoft.com/office/drawing/2014/main" id="{41EC74D2-A53E-4298-B2FF-4CC5AD248139}"/>
              </a:ext>
            </a:extLst>
          </p:cNvPr>
          <p:cNvSpPr/>
          <p:nvPr/>
        </p:nvSpPr>
        <p:spPr>
          <a:xfrm>
            <a:off x="-7193" y="0"/>
            <a:ext cx="12199193" cy="6858000"/>
          </a:xfrm>
          <a:prstGeom prst="rect">
            <a:avLst/>
          </a:prstGeom>
          <a:solidFill>
            <a:schemeClr val="bg1">
              <a:lumMod val="95000"/>
              <a:alpha val="6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>
              <a:latin typeface="+mn-ea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9DE47DC6-1BA9-4337-B073-4CD2F53D54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FFE4EF-3A00-434C-B237-BFB1647836C6}" type="slidenum">
              <a:rPr lang="ko-KR" altLang="en-US" smtClean="0"/>
              <a:t>9</a:t>
            </a:fld>
            <a:endParaRPr lang="ko-KR" alt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5D0032C-C644-46A9-B188-5E4446D96AFF}"/>
              </a:ext>
            </a:extLst>
          </p:cNvPr>
          <p:cNvSpPr txBox="1"/>
          <p:nvPr/>
        </p:nvSpPr>
        <p:spPr>
          <a:xfrm>
            <a:off x="363985" y="328473"/>
            <a:ext cx="52555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32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Possible Statistical Methods</a:t>
            </a:r>
            <a:endParaRPr lang="ko-KR" altLang="en-US" sz="32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7EE5302-43C5-4D46-91EC-69E678E594E1}"/>
              </a:ext>
            </a:extLst>
          </p:cNvPr>
          <p:cNvSpPr txBox="1"/>
          <p:nvPr/>
        </p:nvSpPr>
        <p:spPr>
          <a:xfrm>
            <a:off x="297457" y="1089164"/>
            <a:ext cx="11589891" cy="56323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chine Learn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Unsupervised Learning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lustering </a:t>
            </a:r>
          </a:p>
          <a:p>
            <a:pPr marL="1657350" lvl="3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K-Means</a:t>
            </a:r>
          </a:p>
          <a:p>
            <a:pPr marL="1657350" lvl="3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erarchical clustering</a:t>
            </a:r>
          </a:p>
          <a:p>
            <a:pPr marL="1657350" lvl="3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BSCAN (Density based)</a:t>
            </a:r>
          </a:p>
          <a:p>
            <a:pPr lvl="3"/>
            <a:r>
              <a:rPr lang="en-US" altLang="ko-KR" sz="2400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cerns: Might not be appropriate dataset for clustering, plotting problem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ssociation Rules</a:t>
            </a:r>
          </a:p>
          <a:p>
            <a:pPr marL="1657350" lvl="3" indent="-285750">
              <a:buFont typeface="Arial" panose="020B0604020202020204" pitchFamily="34" charset="0"/>
              <a:buChar char="•"/>
            </a:pPr>
            <a:r>
              <a:rPr lang="en-US" altLang="ko-KR" sz="24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Apriori</a:t>
            </a: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Algorithm + Frequent patter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upervised Learning(?)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ediction &amp; Classification using significance test resul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ep Learn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ep cluster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Building NLP based Neural network(ex) LSTM, BERT…) using gene sequence data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ko-KR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cern : Good with prediction, hard to interpret</a:t>
            </a:r>
          </a:p>
        </p:txBody>
      </p:sp>
    </p:spTree>
    <p:extLst>
      <p:ext uri="{BB962C8B-B14F-4D97-AF65-F5344CB8AC3E}">
        <p14:creationId xmlns:p14="http://schemas.microsoft.com/office/powerpoint/2010/main" val="28080706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5516</TotalTime>
  <Words>678</Words>
  <Application>Microsoft Office PowerPoint</Application>
  <PresentationFormat>Widescreen</PresentationFormat>
  <Paragraphs>156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맑은 고딕</vt:lpstr>
      <vt:lpstr>Arial</vt:lpstr>
      <vt:lpstr>Calibri</vt:lpstr>
      <vt:lpstr>Times New Roman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 </dc:creator>
  <cp:lastModifiedBy> </cp:lastModifiedBy>
  <cp:revision>46</cp:revision>
  <dcterms:created xsi:type="dcterms:W3CDTF">2019-10-03T22:56:10Z</dcterms:created>
  <dcterms:modified xsi:type="dcterms:W3CDTF">2019-11-04T15:41:05Z</dcterms:modified>
</cp:coreProperties>
</file>